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67" r:id="rId3"/>
    <p:sldId id="266" r:id="rId4"/>
    <p:sldId id="268" r:id="rId5"/>
    <p:sldId id="264" r:id="rId6"/>
    <p:sldId id="280" r:id="rId7"/>
    <p:sldId id="281" r:id="rId8"/>
    <p:sldId id="274" r:id="rId9"/>
    <p:sldId id="269" r:id="rId10"/>
    <p:sldId id="273" r:id="rId11"/>
    <p:sldId id="275" r:id="rId12"/>
    <p:sldId id="282" r:id="rId13"/>
  </p:sldIdLst>
  <p:sldSz cx="12188825" cy="6858000"/>
  <p:notesSz cx="6858000" cy="9144000"/>
  <p:embeddedFontLst>
    <p:embeddedFont>
      <p:font typeface="AU Passata" panose="020B0604020202020204" charset="0"/>
      <p:regular r:id="rId16"/>
      <p:bold r:id="rId17"/>
    </p:embeddedFont>
    <p:embeddedFont>
      <p:font typeface="AU Passata Light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DA75250-D907-421B-8106-9C955D80066D}" v="52" dt="2021-05-03T07:09:46.7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799" autoAdjust="0"/>
    <p:restoredTop sz="85050" autoAdjust="0"/>
  </p:normalViewPr>
  <p:slideViewPr>
    <p:cSldViewPr snapToObjects="1" showGuides="1">
      <p:cViewPr varScale="1">
        <p:scale>
          <a:sx n="73" d="100"/>
          <a:sy n="73" d="100"/>
        </p:scale>
        <p:origin x="1493" y="5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2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53740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med 0.4% inf per hour, varying %-with-symptoms) (just for referenc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036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08303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0558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018949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INCLUDE THESE PLOTS? OR TOO TIME CONSUMING?)</a:t>
            </a:r>
          </a:p>
          <a:p>
            <a:r>
              <a:rPr lang="en-GB" dirty="0"/>
              <a:t>(NU MED 0.4% inf per hour!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4% inf, 12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41170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da Bang 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03-05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Agent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modeling</a:t>
            </a:r>
            <a:r>
              <a:rPr lang="da-DK" dirty="0"/>
              <a:t> of an epidemi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0892F1E-7550-42D0-80D7-46A48DFB33D5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A1DF1F7-BC90-4F7A-BF1A-010E587C6CFC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8B56245-7C07-41E0-A051-73011E7856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00" y="0"/>
            <a:ext cx="6022404" cy="220562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693C3EF4-4231-4C8B-A07E-A29D933593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2177562"/>
            <a:ext cx="6022404" cy="20776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0C277ED0-8AB3-4517-B15B-69AA73B8133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944" y="4383186"/>
            <a:ext cx="5230316" cy="1802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A4F3E837-41D2-40CE-9E90-CC708D4AE38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0436" y="318389"/>
            <a:ext cx="5518349" cy="185917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2A3E601E-371C-4C6F-AAEB-5D693BAF43D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424508" y="2743700"/>
            <a:ext cx="5734373" cy="1942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9694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F4E6801-9A01-408B-BF6B-E18D2209D1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C092D-4EAE-4A22-A266-4A274350329F}" type="datetime1">
              <a:rPr lang="da-DK" smtClean="0"/>
              <a:t>03-05-2021</a:t>
            </a:fld>
            <a:r>
              <a:rPr lang="da-DK"/>
              <a:t>28-04-2021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1FA5596-284A-45A2-BCB6-39C7D31B7FA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2" y="3789040"/>
            <a:ext cx="6517848" cy="221680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DC78EE68-0E02-4672-9F5C-9715D06FD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88787" y="1844824"/>
            <a:ext cx="6094413" cy="202575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CA50679-3322-4234-A69D-9780AAFEA0A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97767" y="-192392"/>
            <a:ext cx="6094413" cy="2037216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26B9D7C-C034-48C3-870C-874EC2004E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3429000"/>
            <a:ext cx="5238929" cy="1769027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C303880-2DD8-4434-B073-854206C4FE0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050220"/>
            <a:ext cx="5571793" cy="186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96440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t </a:t>
            </a:r>
            <a:r>
              <a:rPr lang="da-DK" dirty="0" err="1"/>
              <a:t>behavio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habitants in a town (population ≈ 1500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useholds of 1-6 peop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attend school or work, go to bars and stores, and visit frien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 </a:t>
            </a:r>
            <a:r>
              <a:rPr lang="en-GB" dirty="0" err="1"/>
              <a:t>behavior</a:t>
            </a:r>
            <a:r>
              <a:rPr lang="en-GB" dirty="0"/>
              <a:t> depends on their age group (child, young adult, adult, elder)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But now, a new virus is spreading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he </a:t>
            </a:r>
            <a:r>
              <a:rPr lang="en-GB" dirty="0" err="1"/>
              <a:t>color</a:t>
            </a:r>
            <a:r>
              <a:rPr lang="en-GB" dirty="0"/>
              <a:t> of a building indicates the number of infected people the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f an agent shows symptoms, they will self isolate in their ho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can infect other agents who are in the same build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dirty="0"/>
              <a:t>A simulation run stops when there are no infected people left.</a:t>
            </a:r>
          </a:p>
          <a:p>
            <a:pPr marL="342900" indent="-342900"/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1E8AFB1-E654-4C3E-92CD-779159AFFF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22804" y="3501008"/>
            <a:ext cx="1749151" cy="1311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15229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idgets and interfac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5913" y="3546469"/>
            <a:ext cx="11556000" cy="2347917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terventions can be activated before or during a model run. They limit agents’ activiti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sumptions (virological, economic, behavioural) are set before a model run. They affect how the virus spreads, how productive agents are in different situations, and how agents react if their friends start self isolating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D708188-1BBC-4FC7-9E6E-FB199E7163F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3540" b="18630"/>
          <a:stretch/>
        </p:blipFill>
        <p:spPr>
          <a:xfrm>
            <a:off x="6272279" y="1373021"/>
            <a:ext cx="2800350" cy="108012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55B5FD9-B79F-4639-AB2C-0F89643AE34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67906"/>
          <a:stretch/>
        </p:blipFill>
        <p:spPr>
          <a:xfrm>
            <a:off x="315913" y="1367316"/>
            <a:ext cx="2800350" cy="194421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D0CD208-394D-48C2-8CCB-55DD9DA134B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2126" b="30807"/>
          <a:stretch/>
        </p:blipFill>
        <p:spPr>
          <a:xfrm>
            <a:off x="3293563" y="1367316"/>
            <a:ext cx="2800350" cy="194421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FC7A9B4-6D23-48D2-BB81-00ED25DE9F7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987" t="80405" r="-1987" b="151"/>
          <a:stretch/>
        </p:blipFill>
        <p:spPr>
          <a:xfrm>
            <a:off x="9250995" y="1373021"/>
            <a:ext cx="2800350" cy="11778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4321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*BIG QUESTION HERE*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(How can we strike a balance between a healthy population/good public health and a healthy economy during an epidemic?) (men </a:t>
            </a:r>
            <a:r>
              <a:rPr lang="en-US" dirty="0" err="1"/>
              <a:t>nej</a:t>
            </a:r>
            <a:r>
              <a:rPr lang="en-US" dirty="0"/>
              <a:t> – for det er jo bare productivity assumptions? @Arthur?)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may not give specific answers, but it helps us better understand the </a:t>
            </a:r>
            <a:r>
              <a:rPr lang="en-US"/>
              <a:t>complex system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Remember: the model is a simplification of reality. What does it NOT inclu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 (0.2% inf per 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81B24F4A-F1DC-480B-A832-087073784DD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96" y="2276867"/>
            <a:ext cx="2541090" cy="264074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00C0CAA7-584B-4BBD-9ADD-E245DE5E03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71127" y="2181936"/>
            <a:ext cx="2515930" cy="2614593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BA59195B-1281-46C3-B443-39ACA5F2623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8074" y="2422191"/>
            <a:ext cx="2353368" cy="2445657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2D469505-17DE-4C3B-82E0-9E63E34F564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6677" y="2344017"/>
            <a:ext cx="2515930" cy="2614594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B270D50E-7164-4EC2-B936-99423F66DDE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005" y="2422191"/>
            <a:ext cx="2402066" cy="2496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277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runs: %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10886"/>
          </a:xfrm>
        </p:spPr>
        <p:txBody>
          <a:bodyPr/>
          <a:lstStyle/>
          <a:p>
            <a:r>
              <a:rPr lang="en-US" b="1" dirty="0"/>
              <a:t>Varying the percentage of infected agents that develop symptoms (0.4% inf-pr-hour):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8FAAE31-7716-4AF8-A83E-E43392F8B0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5228" y="2266540"/>
            <a:ext cx="2635391" cy="27387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2EE259A-50C4-416A-A227-79E2BBADF8A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1237" y="2278564"/>
            <a:ext cx="2635390" cy="27387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1724CF1-97D7-4D7D-B198-36880E11767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5658" y="2290662"/>
            <a:ext cx="2635389" cy="273873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8DDECF4-9AD2-46F2-87A2-F226265E22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8702" y="2287355"/>
            <a:ext cx="2635390" cy="2738739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24CF77B8-2680-4BE1-8718-2F789DD10E3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6857" y="2287355"/>
            <a:ext cx="2635388" cy="2738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571406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4" name="Gruppe 83">
            <a:extLst>
              <a:ext uri="{FF2B5EF4-FFF2-40B4-BE49-F238E27FC236}">
                <a16:creationId xmlns:a16="http://schemas.microsoft.com/office/drawing/2014/main" id="{A1B3E60A-A5BD-468F-A9D0-749056C54554}"/>
              </a:ext>
            </a:extLst>
          </p:cNvPr>
          <p:cNvGrpSpPr/>
          <p:nvPr/>
        </p:nvGrpSpPr>
        <p:grpSpPr>
          <a:xfrm>
            <a:off x="9632533" y="938512"/>
            <a:ext cx="1572909" cy="1399107"/>
            <a:chOff x="9730195" y="977869"/>
            <a:chExt cx="1572909" cy="1399107"/>
          </a:xfrm>
        </p:grpSpPr>
        <p:pic>
          <p:nvPicPr>
            <p:cNvPr id="80" name="Billede 79">
              <a:extLst>
                <a:ext uri="{FF2B5EF4-FFF2-40B4-BE49-F238E27FC236}">
                  <a16:creationId xmlns:a16="http://schemas.microsoft.com/office/drawing/2014/main" id="{935851A6-A238-4FE0-B480-35CC1CE1F2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730195" y="977869"/>
              <a:ext cx="1572909" cy="1399107"/>
            </a:xfrm>
            <a:prstGeom prst="rect">
              <a:avLst/>
            </a:prstGeom>
          </p:spPr>
        </p:pic>
        <p:pic>
          <p:nvPicPr>
            <p:cNvPr id="78" name="Billede 77">
              <a:extLst>
                <a:ext uri="{FF2B5EF4-FFF2-40B4-BE49-F238E27FC236}">
                  <a16:creationId xmlns:a16="http://schemas.microsoft.com/office/drawing/2014/main" id="{D33D11EF-8FBD-4DC3-A9F5-83CCC679194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262723" y="1348782"/>
              <a:ext cx="516501" cy="805630"/>
            </a:xfrm>
            <a:prstGeom prst="rect">
              <a:avLst/>
            </a:prstGeom>
          </p:spPr>
        </p:pic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ausal chain: on agent-level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17748" y="3702651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4009847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31211" y="2552885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655904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130957" y="2177777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90756" y="4912157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245676" y="4203253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6105911" y="2260351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6094498" y="5066046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5419988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744498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5" name="Billede 4">
            <a:extLst>
              <a:ext uri="{FF2B5EF4-FFF2-40B4-BE49-F238E27FC236}">
                <a16:creationId xmlns:a16="http://schemas.microsoft.com/office/drawing/2014/main" id="{A3D88838-EEAD-4205-A981-7360C1079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0476" y="1282614"/>
            <a:ext cx="643591" cy="100386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133C86CF-FC51-4743-8F45-6A95B3251E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94739" y="2550796"/>
            <a:ext cx="724488" cy="1151855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538F0D61-09FC-4E5D-8DF4-2FDB4BEEF0A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74586" y="2488660"/>
            <a:ext cx="724488" cy="1151855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27A98A24-1965-488A-BEA9-E4943AF8FBB3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001762" y="2558811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5" name="Lige forbindelse 24">
            <a:extLst>
              <a:ext uri="{FF2B5EF4-FFF2-40B4-BE49-F238E27FC236}">
                <a16:creationId xmlns:a16="http://schemas.microsoft.com/office/drawing/2014/main" id="{E02899CE-3750-4F1D-84B9-B2658FA722FA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3108719" y="2324892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1D19DEF-E52B-42B4-B26A-5BC8001D9FD6}"/>
              </a:ext>
            </a:extLst>
          </p:cNvPr>
          <p:cNvCxnSpPr>
            <a:cxnSpLocks/>
          </p:cNvCxnSpPr>
          <p:nvPr/>
        </p:nvCxnSpPr>
        <p:spPr bwMode="auto">
          <a:xfrm flipH="1">
            <a:off x="3027784" y="2744498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1" name="Lige forbindelse 50">
            <a:extLst>
              <a:ext uri="{FF2B5EF4-FFF2-40B4-BE49-F238E27FC236}">
                <a16:creationId xmlns:a16="http://schemas.microsoft.com/office/drawing/2014/main" id="{EAFAC30F-A933-4392-8866-0B592B63A152}"/>
              </a:ext>
            </a:extLst>
          </p:cNvPr>
          <p:cNvCxnSpPr>
            <a:cxnSpLocks/>
          </p:cNvCxnSpPr>
          <p:nvPr/>
        </p:nvCxnSpPr>
        <p:spPr bwMode="auto">
          <a:xfrm flipV="1">
            <a:off x="3633315" y="2558810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2" name="Lige forbindelse 51">
            <a:extLst>
              <a:ext uri="{FF2B5EF4-FFF2-40B4-BE49-F238E27FC236}">
                <a16:creationId xmlns:a16="http://schemas.microsoft.com/office/drawing/2014/main" id="{5BDD40D2-0920-4063-A7EE-9EF4A8AEC4C1}"/>
              </a:ext>
            </a:extLst>
          </p:cNvPr>
          <p:cNvCxnSpPr>
            <a:cxnSpLocks/>
          </p:cNvCxnSpPr>
          <p:nvPr/>
        </p:nvCxnSpPr>
        <p:spPr bwMode="auto">
          <a:xfrm flipV="1">
            <a:off x="3569599" y="2317452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Lige forbindelse 52">
            <a:extLst>
              <a:ext uri="{FF2B5EF4-FFF2-40B4-BE49-F238E27FC236}">
                <a16:creationId xmlns:a16="http://schemas.microsoft.com/office/drawing/2014/main" id="{0A89B174-86D8-48CA-8071-72F571C99187}"/>
              </a:ext>
            </a:extLst>
          </p:cNvPr>
          <p:cNvCxnSpPr>
            <a:cxnSpLocks/>
          </p:cNvCxnSpPr>
          <p:nvPr/>
        </p:nvCxnSpPr>
        <p:spPr bwMode="auto">
          <a:xfrm>
            <a:off x="3615367" y="2744724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2" name="Billede 61">
            <a:extLst>
              <a:ext uri="{FF2B5EF4-FFF2-40B4-BE49-F238E27FC236}">
                <a16:creationId xmlns:a16="http://schemas.microsoft.com/office/drawing/2014/main" id="{8B503FDC-3B26-4A46-A97C-37C208BBD4B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204306" y="3760303"/>
            <a:ext cx="724488" cy="1151855"/>
          </a:xfrm>
          <a:prstGeom prst="rect">
            <a:avLst/>
          </a:prstGeom>
        </p:spPr>
      </p:pic>
      <p:cxnSp>
        <p:nvCxnSpPr>
          <p:cNvPr id="63" name="Lige forbindelse 62">
            <a:extLst>
              <a:ext uri="{FF2B5EF4-FFF2-40B4-BE49-F238E27FC236}">
                <a16:creationId xmlns:a16="http://schemas.microsoft.com/office/drawing/2014/main" id="{B1CBADB7-3134-46C6-B83E-3A9A0F927F0B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131482" y="3830454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B4ABE5DD-23F1-488F-A222-5A35FEFDDAC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10238439" y="3596535"/>
            <a:ext cx="180549" cy="163769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EF3C9884-3D51-40A6-ADEE-933DD95FE758}"/>
              </a:ext>
            </a:extLst>
          </p:cNvPr>
          <p:cNvCxnSpPr>
            <a:cxnSpLocks/>
          </p:cNvCxnSpPr>
          <p:nvPr/>
        </p:nvCxnSpPr>
        <p:spPr bwMode="auto">
          <a:xfrm flipH="1">
            <a:off x="10157504" y="4016141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83C28F04-3205-4F54-8EA5-476BF7A656E8}"/>
              </a:ext>
            </a:extLst>
          </p:cNvPr>
          <p:cNvCxnSpPr>
            <a:cxnSpLocks/>
          </p:cNvCxnSpPr>
          <p:nvPr/>
        </p:nvCxnSpPr>
        <p:spPr bwMode="auto">
          <a:xfrm flipV="1">
            <a:off x="10763035" y="3830453"/>
            <a:ext cx="213914" cy="80996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7" name="Lige forbindelse 66">
            <a:extLst>
              <a:ext uri="{FF2B5EF4-FFF2-40B4-BE49-F238E27FC236}">
                <a16:creationId xmlns:a16="http://schemas.microsoft.com/office/drawing/2014/main" id="{0316B4A4-062E-46C5-AD7B-F618DD24575E}"/>
              </a:ext>
            </a:extLst>
          </p:cNvPr>
          <p:cNvCxnSpPr>
            <a:cxnSpLocks/>
          </p:cNvCxnSpPr>
          <p:nvPr/>
        </p:nvCxnSpPr>
        <p:spPr bwMode="auto">
          <a:xfrm flipV="1">
            <a:off x="10699319" y="3589095"/>
            <a:ext cx="175228" cy="153483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FA42966B-074F-457B-BC7F-B7FEF98D9CAA}"/>
              </a:ext>
            </a:extLst>
          </p:cNvPr>
          <p:cNvCxnSpPr>
            <a:cxnSpLocks/>
          </p:cNvCxnSpPr>
          <p:nvPr/>
        </p:nvCxnSpPr>
        <p:spPr bwMode="auto">
          <a:xfrm>
            <a:off x="10745087" y="4016367"/>
            <a:ext cx="205162" cy="128610"/>
          </a:xfrm>
          <a:prstGeom prst="line">
            <a:avLst/>
          </a:prstGeom>
          <a:solidFill>
            <a:schemeClr val="accent2"/>
          </a:solidFill>
          <a:ln w="3810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69" name="Billede 68">
            <a:extLst>
              <a:ext uri="{FF2B5EF4-FFF2-40B4-BE49-F238E27FC236}">
                <a16:creationId xmlns:a16="http://schemas.microsoft.com/office/drawing/2014/main" id="{46F4F704-60EA-42AE-A52D-66908C00A6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12134" y="3974728"/>
            <a:ext cx="724488" cy="1151855"/>
          </a:xfrm>
          <a:prstGeom prst="rect">
            <a:avLst/>
          </a:prstGeom>
        </p:spPr>
      </p:pic>
      <p:cxnSp>
        <p:nvCxnSpPr>
          <p:cNvPr id="71" name="Lige pilforbindelse 70">
            <a:extLst>
              <a:ext uri="{FF2B5EF4-FFF2-40B4-BE49-F238E27FC236}">
                <a16:creationId xmlns:a16="http://schemas.microsoft.com/office/drawing/2014/main" id="{F68A00CC-0887-42DA-A0C8-09A9DFB612B8}"/>
              </a:ext>
            </a:extLst>
          </p:cNvPr>
          <p:cNvCxnSpPr>
            <a:cxnSpLocks/>
          </p:cNvCxnSpPr>
          <p:nvPr/>
        </p:nvCxnSpPr>
        <p:spPr bwMode="auto">
          <a:xfrm>
            <a:off x="5014727" y="4014021"/>
            <a:ext cx="965731" cy="1158993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pic>
        <p:nvPicPr>
          <p:cNvPr id="82" name="Billede 81">
            <a:extLst>
              <a:ext uri="{FF2B5EF4-FFF2-40B4-BE49-F238E27FC236}">
                <a16:creationId xmlns:a16="http://schemas.microsoft.com/office/drawing/2014/main" id="{EBEDCF24-CB4D-4AD3-86DE-94DFBE4185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06561" y="3786486"/>
            <a:ext cx="606632" cy="933026"/>
          </a:xfrm>
          <a:prstGeom prst="rect">
            <a:avLst/>
          </a:prstGeom>
        </p:spPr>
      </p:pic>
      <p:pic>
        <p:nvPicPr>
          <p:cNvPr id="83" name="Billede 82">
            <a:extLst>
              <a:ext uri="{FF2B5EF4-FFF2-40B4-BE49-F238E27FC236}">
                <a16:creationId xmlns:a16="http://schemas.microsoft.com/office/drawing/2014/main" id="{C4166DC7-157B-4CAF-B788-27BF00888E0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1168539" y="3786485"/>
            <a:ext cx="602071" cy="9260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</a:t>
            </a:r>
            <a:r>
              <a:rPr lang="da-DK" dirty="0" err="1"/>
              <a:t>lot</a:t>
            </a:r>
            <a:r>
              <a:rPr lang="da-DK" dirty="0"/>
              <a:t> more to </a:t>
            </a:r>
            <a:r>
              <a:rPr lang="da-DK" dirty="0" err="1"/>
              <a:t>explore</a:t>
            </a:r>
            <a:r>
              <a:rPr lang="da-DK" dirty="0"/>
              <a:t>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4</Words>
  <Application>Microsoft Office PowerPoint</Application>
  <PresentationFormat>Brugerdefineret</PresentationFormat>
  <Paragraphs>85</Paragraphs>
  <Slides>12</Slides>
  <Notes>12</Notes>
  <HiddenSlides>2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8" baseType="lpstr">
      <vt:lpstr>Arial</vt:lpstr>
      <vt:lpstr>Georgia</vt:lpstr>
      <vt:lpstr>AU Passata Light</vt:lpstr>
      <vt:lpstr>Calibri</vt:lpstr>
      <vt:lpstr>AU Passata</vt:lpstr>
      <vt:lpstr>BSS 16:9</vt:lpstr>
      <vt:lpstr>Agent-based modeling of an epidemic</vt:lpstr>
      <vt:lpstr>The University curricular unit</vt:lpstr>
      <vt:lpstr>Agent behavior</vt:lpstr>
      <vt:lpstr>Widgets and interface</vt:lpstr>
      <vt:lpstr>What big question does the model answer?</vt:lpstr>
      <vt:lpstr>Comparing runs: % with symptoms</vt:lpstr>
      <vt:lpstr>Comparing runs: % with symptoms</vt:lpstr>
      <vt:lpstr>The causal chain: on agent-level</vt:lpstr>
      <vt:lpstr>Try it out for yourself!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3T07:46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